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26"/>
  <workbookPr/>
  <mc:AlternateContent xmlns:mc="http://schemas.openxmlformats.org/markup-compatibility/2006">
    <mc:Choice Requires="x15">
      <x15ac:absPath xmlns:x15ac="http://schemas.microsoft.com/office/spreadsheetml/2010/11/ac" url="C:\Users\i7653\Desktop\"/>
    </mc:Choice>
  </mc:AlternateContent>
  <xr:revisionPtr revIDLastSave="0" documentId="13_ncr:1_{FE8C6DE4-6355-4C30-B660-069832467351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4" uniqueCount="104">
  <si>
    <t>序号</t>
  </si>
  <si>
    <t>作者</t>
  </si>
  <si>
    <t>书名</t>
  </si>
  <si>
    <t>位置</t>
  </si>
  <si>
    <t>何兆武</t>
  </si>
  <si>
    <t>上学记</t>
  </si>
  <si>
    <t>图书馆二楼北厅</t>
  </si>
  <si>
    <t>杨绛</t>
  </si>
  <si>
    <t>我们仨</t>
  </si>
  <si>
    <t>汪曾祺</t>
  </si>
  <si>
    <t>人间至味</t>
  </si>
  <si>
    <t>朱光潜</t>
  </si>
  <si>
    <t>谈书美简</t>
  </si>
  <si>
    <t>贾平凹</t>
  </si>
  <si>
    <t>倒流河</t>
  </si>
  <si>
    <t>刘心武</t>
  </si>
  <si>
    <t>白牙</t>
  </si>
  <si>
    <t>王小波</t>
  </si>
  <si>
    <t>爱你就像爱生命</t>
  </si>
  <si>
    <t>海子</t>
  </si>
  <si>
    <t>我就在这里，等风也等你</t>
  </si>
  <si>
    <t>老舍</t>
  </si>
  <si>
    <t>四世同堂</t>
  </si>
  <si>
    <t>李泽厚</t>
  </si>
  <si>
    <t>美的历程</t>
  </si>
  <si>
    <t>徐迟</t>
  </si>
  <si>
    <t>哥德巴赫猜想</t>
  </si>
  <si>
    <t>吴念真</t>
  </si>
  <si>
    <t>这些人，那些事</t>
  </si>
  <si>
    <t>斯普林格-自然</t>
  </si>
  <si>
    <t>自然的音符</t>
  </si>
  <si>
    <t>(美) 乔治·伽莫夫</t>
  </si>
  <si>
    <t>从一到无穷大</t>
  </si>
  <si>
    <t>(英)菲利普·费尔南多－阿梅斯托</t>
  </si>
  <si>
    <t>食物如何改变我们人类和全球历史</t>
  </si>
  <si>
    <t>(日)涩泽龙彦</t>
  </si>
  <si>
    <t>华丽食物志</t>
  </si>
  <si>
    <t>(美)皮埃罗·斯加鲁菲</t>
  </si>
  <si>
    <t>智能的本质</t>
  </si>
  <si>
    <t>(美) 乔纳森·B.洛索斯</t>
  </si>
  <si>
    <t>不可思议的生命</t>
  </si>
  <si>
    <t>(美)赫尔曼·梅尔维尔</t>
  </si>
  <si>
    <t>白鲸</t>
  </si>
  <si>
    <t>(法) 马克·李维</t>
  </si>
  <si>
    <t>我们之间的距离</t>
  </si>
  <si>
    <t>(英)珍妮特·温特森</t>
  </si>
  <si>
    <t>写在身体上</t>
  </si>
  <si>
    <t>(英)哈尼夫·库雷西</t>
  </si>
  <si>
    <t>有话对你说</t>
  </si>
  <si>
    <t>(澳)杰西·布拉凯德</t>
  </si>
  <si>
    <t>悠长的告别</t>
  </si>
  <si>
    <t>(美) 亨利·戴维·梭罗</t>
  </si>
  <si>
    <t>瓦尔登湖</t>
  </si>
  <si>
    <t>(阿根廷)胡里奥·科塔萨尔</t>
  </si>
  <si>
    <t>我们如此热爱格伦达</t>
  </si>
  <si>
    <t>(英)威尔基·柯林斯</t>
  </si>
  <si>
    <t>月亮宝石</t>
  </si>
  <si>
    <t>(法)让－皮埃尔·里夏尔</t>
  </si>
  <si>
    <t>普鲁斯特与感性世界</t>
  </si>
  <si>
    <t>(德)卡特琳·鲍尔范德</t>
  </si>
  <si>
    <t>我的星期天和星期一之间少了一天</t>
  </si>
  <si>
    <t>(美)安东尼·多尔</t>
  </si>
  <si>
    <t>所有我们看不见的光</t>
  </si>
  <si>
    <t>(美)卡森·麦卡勒斯</t>
  </si>
  <si>
    <t>心是孤独的猎手</t>
  </si>
  <si>
    <t>(英) 威廉·萨默塞特·毛姆</t>
  </si>
  <si>
    <t>我会永远爱你直到生命尽头</t>
  </si>
  <si>
    <t>(美) 海明威</t>
  </si>
  <si>
    <t>尼克亚当斯故事集</t>
  </si>
  <si>
    <t>(英)乔治·奥威尔</t>
  </si>
  <si>
    <t>一九八四</t>
  </si>
  <si>
    <t>(澳)马库斯·苏萨克</t>
  </si>
  <si>
    <t>克莱的桥</t>
  </si>
  <si>
    <t>伤心咖啡馆之歌</t>
  </si>
  <si>
    <t>(黎巴嫩/法)阿明·马洛夫</t>
  </si>
  <si>
    <t>塔尼奥斯巨岩</t>
  </si>
  <si>
    <t>乔斯坦·贾德</t>
  </si>
  <si>
    <t>苏菲的世界</t>
  </si>
  <si>
    <t>(美)赫尔曼·沃克</t>
  </si>
  <si>
    <t>战争与回忆</t>
  </si>
  <si>
    <t>(以)尤瓦尔·赫拉利</t>
  </si>
  <si>
    <t>人类简史：从动物到上帝</t>
  </si>
  <si>
    <t>(美)戴尔·卡耐基</t>
  </si>
  <si>
    <t>人性的弱点</t>
  </si>
  <si>
    <t>(英)查尔斯·狄更斯</t>
  </si>
  <si>
    <t>双城记</t>
  </si>
  <si>
    <t>(英)阿加莎·克里斯蒂</t>
  </si>
  <si>
    <t>黑咖啡</t>
  </si>
  <si>
    <t>(美) 迪莉娅·欧文斯</t>
  </si>
  <si>
    <t>蝲蛄吟唱的地方</t>
  </si>
  <si>
    <t>(美) 露易莎·梅·奥尔科特</t>
  </si>
  <si>
    <t>小妇人</t>
  </si>
  <si>
    <t>(古罗马)马可·奥勒留</t>
  </si>
  <si>
    <t>沉思录</t>
  </si>
  <si>
    <t>(法)加缪</t>
  </si>
  <si>
    <t>反抗者</t>
  </si>
  <si>
    <t>(澳) 莉安·莫里亚蒂</t>
  </si>
  <si>
    <t>大小谎言</t>
  </si>
  <si>
    <t>(美)尼尔·波兹曼</t>
  </si>
  <si>
    <t>娱乐至死</t>
  </si>
  <si>
    <t>(法)阿尔贝·加缪</t>
  </si>
  <si>
    <t>局外人</t>
  </si>
  <si>
    <t>(日)连城三纪彦</t>
  </si>
  <si>
    <t>一朵桔梗花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等线"/>
      <family val="2"/>
      <scheme val="minor"/>
    </font>
    <font>
      <b/>
      <sz val="12"/>
      <color rgb="FF000000"/>
      <name val="等线"/>
      <family val="3"/>
      <charset val="134"/>
      <scheme val="minor"/>
    </font>
    <font>
      <b/>
      <sz val="12"/>
      <color rgb="FF121212"/>
      <name val="等线"/>
      <family val="3"/>
      <charset val="134"/>
      <scheme val="minor"/>
    </font>
    <font>
      <sz val="10.5"/>
      <color rgb="FF000000"/>
      <name val="等线"/>
      <family val="3"/>
      <charset val="134"/>
      <scheme val="minor"/>
    </font>
    <font>
      <sz val="10.5"/>
      <color rgb="FF121212"/>
      <name val="微软雅黑"/>
      <family val="2"/>
      <charset val="134"/>
    </font>
    <font>
      <sz val="10.5"/>
      <color rgb="FF000000"/>
      <name val="微软雅黑"/>
      <family val="2"/>
      <charset val="134"/>
    </font>
    <font>
      <sz val="9"/>
      <name val="等线"/>
      <family val="3"/>
      <charset val="134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 style="thick">
        <color indexed="64"/>
      </top>
      <bottom style="medium">
        <color indexed="64"/>
      </bottom>
      <diagonal/>
    </border>
    <border>
      <left/>
      <right/>
      <top/>
      <bottom style="thick">
        <color indexed="64"/>
      </bottom>
      <diagonal/>
    </border>
  </borders>
  <cellStyleXfs count="1">
    <xf numFmtId="0" fontId="0" fillId="0" borderId="0"/>
  </cellStyleXfs>
  <cellXfs count="11">
    <xf numFmtId="0" fontId="0" fillId="0" borderId="0" xfId="0"/>
    <xf numFmtId="0" fontId="1" fillId="0" borderId="1" xfId="0" applyFont="1" applyBorder="1" applyAlignment="1">
      <alignment horizontal="justify" vertical="center"/>
    </xf>
    <xf numFmtId="0" fontId="2" fillId="0" borderId="1" xfId="0" applyFont="1" applyBorder="1" applyAlignment="1">
      <alignment horizontal="justify" vertical="center"/>
    </xf>
    <xf numFmtId="0" fontId="1" fillId="0" borderId="1" xfId="0" applyFont="1" applyBorder="1" applyAlignment="1">
      <alignment horizontal="justify" vertical="center" wrapText="1"/>
    </xf>
    <xf numFmtId="0" fontId="3" fillId="0" borderId="0" xfId="0" applyFont="1" applyAlignment="1">
      <alignment horizontal="justify" vertical="center"/>
    </xf>
    <xf numFmtId="0" fontId="4" fillId="0" borderId="0" xfId="0" applyFont="1" applyAlignment="1">
      <alignment horizontal="justify" vertical="center"/>
    </xf>
    <xf numFmtId="0" fontId="5" fillId="0" borderId="0" xfId="0" applyFont="1" applyAlignment="1">
      <alignment horizontal="justify" vertical="center" wrapText="1"/>
    </xf>
    <xf numFmtId="0" fontId="5" fillId="0" borderId="0" xfId="0" applyFont="1" applyAlignment="1">
      <alignment horizontal="justify" vertical="center"/>
    </xf>
    <xf numFmtId="0" fontId="3" fillId="0" borderId="2" xfId="0" applyFont="1" applyBorder="1" applyAlignment="1">
      <alignment horizontal="justify" vertical="center"/>
    </xf>
    <xf numFmtId="0" fontId="5" fillId="0" borderId="2" xfId="0" applyFont="1" applyBorder="1" applyAlignment="1">
      <alignment horizontal="justify" vertical="center"/>
    </xf>
    <xf numFmtId="0" fontId="5" fillId="0" borderId="2" xfId="0" applyFont="1" applyBorder="1" applyAlignment="1">
      <alignment horizontal="justify" vertical="center" wrapText="1"/>
    </xf>
  </cellXfs>
  <cellStyles count="1">
    <cellStyle name="常规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52"/>
  <sheetViews>
    <sheetView tabSelected="1" workbookViewId="0">
      <selection sqref="A1:D51"/>
    </sheetView>
  </sheetViews>
  <sheetFormatPr defaultRowHeight="13.8" x14ac:dyDescent="0.25"/>
  <cols>
    <col min="1" max="1" width="6.44140625" customWidth="1"/>
    <col min="2" max="2" width="31.21875" customWidth="1"/>
    <col min="3" max="3" width="27.109375" customWidth="1"/>
    <col min="4" max="4" width="20.33203125" customWidth="1"/>
  </cols>
  <sheetData>
    <row r="1" spans="1:4" ht="16.8" thickTop="1" thickBot="1" x14ac:dyDescent="0.3">
      <c r="A1" s="1" t="s">
        <v>0</v>
      </c>
      <c r="B1" s="2" t="s">
        <v>1</v>
      </c>
      <c r="C1" s="3" t="s">
        <v>2</v>
      </c>
      <c r="D1" s="1" t="s">
        <v>3</v>
      </c>
    </row>
    <row r="2" spans="1:4" ht="27.6" x14ac:dyDescent="0.25">
      <c r="A2" s="4">
        <v>1</v>
      </c>
      <c r="B2" s="5" t="s">
        <v>4</v>
      </c>
      <c r="C2" s="6" t="s">
        <v>5</v>
      </c>
      <c r="D2" s="4" t="s">
        <v>6</v>
      </c>
    </row>
    <row r="3" spans="1:4" ht="27.6" x14ac:dyDescent="0.25">
      <c r="A3" s="4">
        <v>2</v>
      </c>
      <c r="B3" s="5" t="s">
        <v>7</v>
      </c>
      <c r="C3" s="6" t="s">
        <v>8</v>
      </c>
      <c r="D3" s="4" t="s">
        <v>6</v>
      </c>
    </row>
    <row r="4" spans="1:4" ht="27.6" x14ac:dyDescent="0.25">
      <c r="A4" s="4">
        <v>3</v>
      </c>
      <c r="B4" s="7" t="s">
        <v>9</v>
      </c>
      <c r="C4" s="6" t="s">
        <v>10</v>
      </c>
      <c r="D4" s="4" t="s">
        <v>6</v>
      </c>
    </row>
    <row r="5" spans="1:4" ht="27.6" x14ac:dyDescent="0.25">
      <c r="A5" s="4">
        <v>4</v>
      </c>
      <c r="B5" s="7" t="s">
        <v>11</v>
      </c>
      <c r="C5" s="6" t="s">
        <v>12</v>
      </c>
      <c r="D5" s="4" t="s">
        <v>6</v>
      </c>
    </row>
    <row r="6" spans="1:4" ht="27.6" x14ac:dyDescent="0.25">
      <c r="A6" s="4">
        <v>5</v>
      </c>
      <c r="B6" s="7" t="s">
        <v>13</v>
      </c>
      <c r="C6" s="6" t="s">
        <v>14</v>
      </c>
      <c r="D6" s="4" t="s">
        <v>6</v>
      </c>
    </row>
    <row r="7" spans="1:4" ht="27.6" x14ac:dyDescent="0.25">
      <c r="A7" s="4">
        <v>6</v>
      </c>
      <c r="B7" s="7" t="s">
        <v>15</v>
      </c>
      <c r="C7" s="6" t="s">
        <v>16</v>
      </c>
      <c r="D7" s="4" t="s">
        <v>6</v>
      </c>
    </row>
    <row r="8" spans="1:4" ht="31.2" x14ac:dyDescent="0.25">
      <c r="A8" s="4">
        <v>7</v>
      </c>
      <c r="B8" s="7" t="s">
        <v>17</v>
      </c>
      <c r="C8" s="6" t="s">
        <v>18</v>
      </c>
      <c r="D8" s="4" t="s">
        <v>6</v>
      </c>
    </row>
    <row r="9" spans="1:4" ht="46.8" x14ac:dyDescent="0.25">
      <c r="A9" s="4">
        <v>8</v>
      </c>
      <c r="B9" s="7" t="s">
        <v>19</v>
      </c>
      <c r="C9" s="6" t="s">
        <v>20</v>
      </c>
      <c r="D9" s="4" t="s">
        <v>6</v>
      </c>
    </row>
    <row r="10" spans="1:4" ht="27.6" x14ac:dyDescent="0.25">
      <c r="A10" s="4">
        <v>9</v>
      </c>
      <c r="B10" s="7" t="s">
        <v>21</v>
      </c>
      <c r="C10" s="6" t="s">
        <v>22</v>
      </c>
      <c r="D10" s="4" t="s">
        <v>6</v>
      </c>
    </row>
    <row r="11" spans="1:4" ht="27.6" x14ac:dyDescent="0.25">
      <c r="A11" s="4">
        <v>10</v>
      </c>
      <c r="B11" s="7" t="s">
        <v>23</v>
      </c>
      <c r="C11" s="6" t="s">
        <v>24</v>
      </c>
      <c r="D11" s="4" t="s">
        <v>6</v>
      </c>
    </row>
    <row r="12" spans="1:4" ht="31.2" x14ac:dyDescent="0.25">
      <c r="A12" s="4">
        <v>11</v>
      </c>
      <c r="B12" s="7" t="s">
        <v>25</v>
      </c>
      <c r="C12" s="6" t="s">
        <v>26</v>
      </c>
      <c r="D12" s="4" t="s">
        <v>6</v>
      </c>
    </row>
    <row r="13" spans="1:4" ht="31.2" x14ac:dyDescent="0.25">
      <c r="A13" s="4">
        <v>12</v>
      </c>
      <c r="B13" s="7" t="s">
        <v>27</v>
      </c>
      <c r="C13" s="6" t="s">
        <v>28</v>
      </c>
      <c r="D13" s="4" t="s">
        <v>6</v>
      </c>
    </row>
    <row r="14" spans="1:4" ht="31.2" x14ac:dyDescent="0.25">
      <c r="A14" s="4">
        <v>13</v>
      </c>
      <c r="B14" s="7" t="s">
        <v>29</v>
      </c>
      <c r="C14" s="6" t="s">
        <v>30</v>
      </c>
      <c r="D14" s="4" t="s">
        <v>6</v>
      </c>
    </row>
    <row r="15" spans="1:4" ht="31.2" x14ac:dyDescent="0.25">
      <c r="A15" s="4">
        <v>14</v>
      </c>
      <c r="B15" s="7" t="s">
        <v>31</v>
      </c>
      <c r="C15" s="6" t="s">
        <v>32</v>
      </c>
      <c r="D15" s="4" t="s">
        <v>6</v>
      </c>
    </row>
    <row r="16" spans="1:4" ht="62.4" x14ac:dyDescent="0.25">
      <c r="A16" s="4">
        <v>15</v>
      </c>
      <c r="B16" s="7" t="s">
        <v>33</v>
      </c>
      <c r="C16" s="6" t="s">
        <v>34</v>
      </c>
      <c r="D16" s="4" t="s">
        <v>6</v>
      </c>
    </row>
    <row r="17" spans="1:4" ht="31.2" x14ac:dyDescent="0.25">
      <c r="A17" s="4">
        <v>16</v>
      </c>
      <c r="B17" s="7" t="s">
        <v>35</v>
      </c>
      <c r="C17" s="6" t="s">
        <v>36</v>
      </c>
      <c r="D17" s="4" t="s">
        <v>6</v>
      </c>
    </row>
    <row r="18" spans="1:4" ht="46.8" x14ac:dyDescent="0.25">
      <c r="A18" s="4">
        <v>17</v>
      </c>
      <c r="B18" s="7" t="s">
        <v>37</v>
      </c>
      <c r="C18" s="6" t="s">
        <v>38</v>
      </c>
      <c r="D18" s="4" t="s">
        <v>6</v>
      </c>
    </row>
    <row r="19" spans="1:4" ht="46.8" x14ac:dyDescent="0.25">
      <c r="A19" s="4">
        <v>18</v>
      </c>
      <c r="B19" s="7" t="s">
        <v>39</v>
      </c>
      <c r="C19" s="6" t="s">
        <v>40</v>
      </c>
      <c r="D19" s="4" t="s">
        <v>6</v>
      </c>
    </row>
    <row r="20" spans="1:4" ht="46.8" x14ac:dyDescent="0.25">
      <c r="A20" s="4">
        <v>19</v>
      </c>
      <c r="B20" s="5" t="s">
        <v>41</v>
      </c>
      <c r="C20" s="6" t="s">
        <v>42</v>
      </c>
      <c r="D20" s="4" t="s">
        <v>6</v>
      </c>
    </row>
    <row r="21" spans="1:4" ht="31.2" x14ac:dyDescent="0.25">
      <c r="A21" s="4">
        <v>20</v>
      </c>
      <c r="B21" s="7" t="s">
        <v>43</v>
      </c>
      <c r="C21" s="6" t="s">
        <v>44</v>
      </c>
      <c r="D21" s="4" t="s">
        <v>6</v>
      </c>
    </row>
    <row r="22" spans="1:4" ht="46.8" x14ac:dyDescent="0.25">
      <c r="A22" s="4">
        <v>21</v>
      </c>
      <c r="B22" s="7" t="s">
        <v>45</v>
      </c>
      <c r="C22" s="6" t="s">
        <v>46</v>
      </c>
      <c r="D22" s="4" t="s">
        <v>6</v>
      </c>
    </row>
    <row r="23" spans="1:4" ht="46.8" x14ac:dyDescent="0.25">
      <c r="A23" s="4">
        <v>22</v>
      </c>
      <c r="B23" s="7" t="s">
        <v>47</v>
      </c>
      <c r="C23" s="6" t="s">
        <v>48</v>
      </c>
      <c r="D23" s="4" t="s">
        <v>6</v>
      </c>
    </row>
    <row r="24" spans="1:4" ht="31.2" x14ac:dyDescent="0.25">
      <c r="A24" s="4">
        <v>23</v>
      </c>
      <c r="B24" s="7" t="s">
        <v>49</v>
      </c>
      <c r="C24" s="6" t="s">
        <v>50</v>
      </c>
      <c r="D24" s="4" t="s">
        <v>6</v>
      </c>
    </row>
    <row r="25" spans="1:4" ht="46.8" x14ac:dyDescent="0.25">
      <c r="A25" s="4">
        <v>24</v>
      </c>
      <c r="B25" s="7" t="s">
        <v>51</v>
      </c>
      <c r="C25" s="6" t="s">
        <v>52</v>
      </c>
      <c r="D25" s="4" t="s">
        <v>6</v>
      </c>
    </row>
    <row r="26" spans="1:4" ht="46.8" x14ac:dyDescent="0.25">
      <c r="A26" s="4">
        <v>25</v>
      </c>
      <c r="B26" s="7" t="s">
        <v>53</v>
      </c>
      <c r="C26" s="6" t="s">
        <v>54</v>
      </c>
      <c r="D26" s="4" t="s">
        <v>6</v>
      </c>
    </row>
    <row r="27" spans="1:4" ht="46.8" x14ac:dyDescent="0.25">
      <c r="A27" s="4">
        <v>26</v>
      </c>
      <c r="B27" s="7" t="s">
        <v>55</v>
      </c>
      <c r="C27" s="6" t="s">
        <v>56</v>
      </c>
      <c r="D27" s="4" t="s">
        <v>6</v>
      </c>
    </row>
    <row r="28" spans="1:4" ht="46.8" x14ac:dyDescent="0.25">
      <c r="A28" s="4">
        <v>27</v>
      </c>
      <c r="B28" s="7" t="s">
        <v>57</v>
      </c>
      <c r="C28" s="6" t="s">
        <v>58</v>
      </c>
      <c r="D28" s="4" t="s">
        <v>6</v>
      </c>
    </row>
    <row r="29" spans="1:4" ht="62.4" x14ac:dyDescent="0.25">
      <c r="A29" s="4">
        <v>28</v>
      </c>
      <c r="B29" s="7" t="s">
        <v>59</v>
      </c>
      <c r="C29" s="6" t="s">
        <v>60</v>
      </c>
      <c r="D29" s="4" t="s">
        <v>6</v>
      </c>
    </row>
    <row r="30" spans="1:4" ht="46.8" x14ac:dyDescent="0.25">
      <c r="A30" s="4">
        <v>29</v>
      </c>
      <c r="B30" s="7" t="s">
        <v>61</v>
      </c>
      <c r="C30" s="6" t="s">
        <v>62</v>
      </c>
      <c r="D30" s="4" t="s">
        <v>6</v>
      </c>
    </row>
    <row r="31" spans="1:4" ht="31.2" x14ac:dyDescent="0.25">
      <c r="A31" s="4">
        <v>30</v>
      </c>
      <c r="B31" s="7" t="s">
        <v>63</v>
      </c>
      <c r="C31" s="6" t="s">
        <v>64</v>
      </c>
      <c r="D31" s="4" t="s">
        <v>6</v>
      </c>
    </row>
    <row r="32" spans="1:4" ht="46.8" x14ac:dyDescent="0.25">
      <c r="A32" s="4">
        <v>31</v>
      </c>
      <c r="B32" s="7" t="s">
        <v>65</v>
      </c>
      <c r="C32" s="6" t="s">
        <v>66</v>
      </c>
      <c r="D32" s="4" t="s">
        <v>6</v>
      </c>
    </row>
    <row r="33" spans="1:4" ht="31.2" x14ac:dyDescent="0.25">
      <c r="A33" s="4">
        <v>32</v>
      </c>
      <c r="B33" s="7" t="s">
        <v>67</v>
      </c>
      <c r="C33" s="6" t="s">
        <v>68</v>
      </c>
      <c r="D33" s="4" t="s">
        <v>6</v>
      </c>
    </row>
    <row r="34" spans="1:4" ht="31.2" x14ac:dyDescent="0.25">
      <c r="A34" s="4">
        <v>33</v>
      </c>
      <c r="B34" s="7" t="s">
        <v>69</v>
      </c>
      <c r="C34" s="6" t="s">
        <v>70</v>
      </c>
      <c r="D34" s="4" t="s">
        <v>6</v>
      </c>
    </row>
    <row r="35" spans="1:4" ht="46.8" x14ac:dyDescent="0.25">
      <c r="A35" s="4">
        <v>34</v>
      </c>
      <c r="B35" s="7" t="s">
        <v>71</v>
      </c>
      <c r="C35" s="6" t="s">
        <v>72</v>
      </c>
      <c r="D35" s="4" t="s">
        <v>6</v>
      </c>
    </row>
    <row r="36" spans="1:4" ht="31.2" x14ac:dyDescent="0.25">
      <c r="A36" s="4">
        <v>35</v>
      </c>
      <c r="B36" s="7" t="s">
        <v>63</v>
      </c>
      <c r="C36" s="6" t="s">
        <v>73</v>
      </c>
      <c r="D36" s="4" t="s">
        <v>6</v>
      </c>
    </row>
    <row r="37" spans="1:4" ht="46.8" x14ac:dyDescent="0.25">
      <c r="A37" s="4">
        <v>36</v>
      </c>
      <c r="B37" s="7" t="s">
        <v>74</v>
      </c>
      <c r="C37" s="6" t="s">
        <v>75</v>
      </c>
      <c r="D37" s="4" t="s">
        <v>6</v>
      </c>
    </row>
    <row r="38" spans="1:4" ht="31.2" x14ac:dyDescent="0.25">
      <c r="A38" s="4">
        <v>37</v>
      </c>
      <c r="B38" s="7" t="s">
        <v>76</v>
      </c>
      <c r="C38" s="6" t="s">
        <v>77</v>
      </c>
      <c r="D38" s="4" t="s">
        <v>6</v>
      </c>
    </row>
    <row r="39" spans="1:4" ht="31.2" x14ac:dyDescent="0.25">
      <c r="A39" s="4">
        <v>38</v>
      </c>
      <c r="B39" s="7" t="s">
        <v>78</v>
      </c>
      <c r="C39" s="6" t="s">
        <v>79</v>
      </c>
      <c r="D39" s="4" t="s">
        <v>6</v>
      </c>
    </row>
    <row r="40" spans="1:4" ht="46.8" x14ac:dyDescent="0.25">
      <c r="A40" s="4">
        <v>39</v>
      </c>
      <c r="B40" s="7" t="s">
        <v>80</v>
      </c>
      <c r="C40" s="6" t="s">
        <v>81</v>
      </c>
      <c r="D40" s="4" t="s">
        <v>6</v>
      </c>
    </row>
    <row r="41" spans="1:4" ht="31.2" x14ac:dyDescent="0.25">
      <c r="A41" s="4">
        <v>40</v>
      </c>
      <c r="B41" s="7" t="s">
        <v>82</v>
      </c>
      <c r="C41" s="6" t="s">
        <v>83</v>
      </c>
      <c r="D41" s="4" t="s">
        <v>6</v>
      </c>
    </row>
    <row r="42" spans="1:4" ht="46.8" x14ac:dyDescent="0.25">
      <c r="A42" s="4">
        <v>41</v>
      </c>
      <c r="B42" s="7" t="s">
        <v>84</v>
      </c>
      <c r="C42" s="6" t="s">
        <v>85</v>
      </c>
      <c r="D42" s="4" t="s">
        <v>6</v>
      </c>
    </row>
    <row r="43" spans="1:4" ht="46.8" x14ac:dyDescent="0.25">
      <c r="A43" s="4">
        <v>42</v>
      </c>
      <c r="B43" s="7" t="s">
        <v>86</v>
      </c>
      <c r="C43" s="6" t="s">
        <v>87</v>
      </c>
      <c r="D43" s="4" t="s">
        <v>6</v>
      </c>
    </row>
    <row r="44" spans="1:4" ht="46.8" x14ac:dyDescent="0.25">
      <c r="A44" s="4">
        <v>43</v>
      </c>
      <c r="B44" s="7" t="s">
        <v>88</v>
      </c>
      <c r="C44" s="6" t="s">
        <v>89</v>
      </c>
      <c r="D44" s="4" t="s">
        <v>6</v>
      </c>
    </row>
    <row r="45" spans="1:4" ht="46.8" x14ac:dyDescent="0.25">
      <c r="A45" s="4">
        <v>44</v>
      </c>
      <c r="B45" s="7" t="s">
        <v>90</v>
      </c>
      <c r="C45" s="6" t="s">
        <v>91</v>
      </c>
      <c r="D45" s="4" t="s">
        <v>6</v>
      </c>
    </row>
    <row r="46" spans="1:4" ht="46.8" x14ac:dyDescent="0.25">
      <c r="A46" s="4">
        <v>45</v>
      </c>
      <c r="B46" s="7" t="s">
        <v>92</v>
      </c>
      <c r="C46" s="6" t="s">
        <v>93</v>
      </c>
      <c r="D46" s="4" t="s">
        <v>6</v>
      </c>
    </row>
    <row r="47" spans="1:4" ht="27.6" x14ac:dyDescent="0.25">
      <c r="A47" s="4">
        <v>46</v>
      </c>
      <c r="B47" s="7" t="s">
        <v>94</v>
      </c>
      <c r="C47" s="6" t="s">
        <v>95</v>
      </c>
      <c r="D47" s="4" t="s">
        <v>6</v>
      </c>
    </row>
    <row r="48" spans="1:4" ht="46.8" x14ac:dyDescent="0.25">
      <c r="A48" s="4">
        <v>47</v>
      </c>
      <c r="B48" s="7" t="s">
        <v>96</v>
      </c>
      <c r="C48" s="6" t="s">
        <v>97</v>
      </c>
      <c r="D48" s="4" t="s">
        <v>6</v>
      </c>
    </row>
    <row r="49" spans="1:4" ht="31.2" x14ac:dyDescent="0.25">
      <c r="A49" s="4">
        <v>48</v>
      </c>
      <c r="B49" s="7" t="s">
        <v>98</v>
      </c>
      <c r="C49" s="6" t="s">
        <v>99</v>
      </c>
      <c r="D49" s="4" t="s">
        <v>6</v>
      </c>
    </row>
    <row r="50" spans="1:4" ht="31.2" x14ac:dyDescent="0.25">
      <c r="A50" s="4">
        <v>49</v>
      </c>
      <c r="B50" s="7" t="s">
        <v>100</v>
      </c>
      <c r="C50" s="6" t="s">
        <v>101</v>
      </c>
      <c r="D50" s="4" t="s">
        <v>6</v>
      </c>
    </row>
    <row r="51" spans="1:4" ht="31.8" thickBot="1" x14ac:dyDescent="0.3">
      <c r="A51" s="8">
        <v>50</v>
      </c>
      <c r="B51" s="9" t="s">
        <v>102</v>
      </c>
      <c r="C51" s="10" t="s">
        <v>103</v>
      </c>
      <c r="D51" s="8" t="s">
        <v>6</v>
      </c>
    </row>
    <row r="52" spans="1:4" ht="14.4" thickTop="1" x14ac:dyDescent="0.25"/>
  </sheetData>
  <phoneticPr fontId="6" type="noConversion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way i</dc:creator>
  <cp:lastModifiedBy>Si</cp:lastModifiedBy>
  <dcterms:created xsi:type="dcterms:W3CDTF">2015-06-05T18:19:34Z</dcterms:created>
  <dcterms:modified xsi:type="dcterms:W3CDTF">2021-09-02T02:55:25Z</dcterms:modified>
</cp:coreProperties>
</file>